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varScale="1">
        <p:scale>
          <a:sx n="105" d="100"/>
          <a:sy n="105" d="100"/>
        </p:scale>
        <p:origin x="852" y="84"/>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6-7-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6-7-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wierd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F8113AC2-36FC-15A8-A160-1181CC7DD1BD}"/>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05414" y="5125453"/>
            <a:ext cx="2242742" cy="1507122"/>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3AFF1FDB-65D1-7E9D-09C9-EDF0BE9A4C68}"/>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06513" y="4196638"/>
            <a:ext cx="1801813" cy="1210818"/>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4</cp:revision>
  <dcterms:created xsi:type="dcterms:W3CDTF">2019-07-30T10:24:44Z</dcterms:created>
  <dcterms:modified xsi:type="dcterms:W3CDTF">2024-07-26T15:30:12Z</dcterms:modified>
</cp:coreProperties>
</file>